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９ー６" sheetId="1" r:id="rId1"/>
  </sheets>
  <externalReferences>
    <externalReference r:id="rId2"/>
    <externalReference r:id="rId3"/>
    <externalReference r:id="rId4"/>
    <externalReference r:id="rId5"/>
  </externalReferences>
  <definedNames>
    <definedName name="ｋ">#REF!</definedName>
    <definedName name="_xlnm.Print_Area" localSheetId="0">別紙９ー６!$A$1:$Z$25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24">
  <si>
    <t>（別紙９－６）</t>
    <phoneticPr fontId="2"/>
  </si>
  <si>
    <t>看取り連携体制加算に係る届出書（小規模多機能型居宅介護事業所）</t>
    <rPh sb="0" eb="2">
      <t>ミト</t>
    </rPh>
    <rPh sb="3" eb="5">
      <t>レンケイ</t>
    </rPh>
    <rPh sb="5" eb="7">
      <t>タイセイ</t>
    </rPh>
    <rPh sb="7" eb="9">
      <t>カサン</t>
    </rPh>
    <rPh sb="10" eb="11">
      <t>カカ</t>
    </rPh>
    <rPh sb="12" eb="15">
      <t>トドケデショ</t>
    </rPh>
    <rPh sb="16" eb="19">
      <t>ショウキボ</t>
    </rPh>
    <rPh sb="19" eb="22">
      <t>タキノウ</t>
    </rPh>
    <rPh sb="22" eb="23">
      <t>ガタ</t>
    </rPh>
    <rPh sb="23" eb="25">
      <t>キョタク</t>
    </rPh>
    <rPh sb="25" eb="27">
      <t>カイゴ</t>
    </rPh>
    <rPh sb="27" eb="30">
      <t>ジギョウショ</t>
    </rPh>
    <phoneticPr fontId="2"/>
  </si>
  <si>
    <t>事 業 所 名</t>
  </si>
  <si>
    <t>異動等区分</t>
    <phoneticPr fontId="2"/>
  </si>
  <si>
    <t>□</t>
  </si>
  <si>
    <t>1　新規</t>
    <phoneticPr fontId="2"/>
  </si>
  <si>
    <t>2　変更</t>
    <phoneticPr fontId="2"/>
  </si>
  <si>
    <t>3　終了</t>
    <phoneticPr fontId="2"/>
  </si>
  <si>
    <t>看取り連携体制加算に係る届出内容</t>
    <rPh sb="0" eb="2">
      <t>ミト</t>
    </rPh>
    <rPh sb="3" eb="5">
      <t>レンケイ</t>
    </rPh>
    <rPh sb="5" eb="7">
      <t>タイセイ</t>
    </rPh>
    <rPh sb="7" eb="9">
      <t>カサン</t>
    </rPh>
    <rPh sb="10" eb="11">
      <t>カカワ</t>
    </rPh>
    <rPh sb="12" eb="14">
      <t>トドケデ</t>
    </rPh>
    <rPh sb="14" eb="16">
      <t>ナイヨウ</t>
    </rPh>
    <phoneticPr fontId="2"/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①</t>
    <phoneticPr fontId="2"/>
  </si>
  <si>
    <t>看護職員配置加算（Ⅰ）を算定している。</t>
    <phoneticPr fontId="2"/>
  </si>
  <si>
    <t>②</t>
    <phoneticPr fontId="2"/>
  </si>
  <si>
    <t>看護師により24時間連絡できる体制を確保している。</t>
    <phoneticPr fontId="2"/>
  </si>
  <si>
    <t>③</t>
    <phoneticPr fontId="2"/>
  </si>
  <si>
    <t>看取り期における対応方針を定め、利用開始の際に、登録者又はその家族等に当該方針の内容を説明し、同意を得ている。</t>
    <phoneticPr fontId="2"/>
  </si>
  <si>
    <t>④</t>
    <phoneticPr fontId="2"/>
  </si>
  <si>
    <t>ケアカンファレンスや対応の実践を振り返る等により、看取り期における対応方針の内容その他看取り期におけるサービス体制について、適宜見直しを行っている。</t>
    <rPh sb="10" eb="12">
      <t>タイオウ</t>
    </rPh>
    <rPh sb="13" eb="15">
      <t>ジッセン</t>
    </rPh>
    <rPh sb="16" eb="17">
      <t>フ</t>
    </rPh>
    <rPh sb="18" eb="19">
      <t>カエ</t>
    </rPh>
    <rPh sb="20" eb="21">
      <t>トウ</t>
    </rPh>
    <rPh sb="25" eb="27">
      <t>ミト</t>
    </rPh>
    <rPh sb="28" eb="29">
      <t>キ</t>
    </rPh>
    <rPh sb="33" eb="35">
      <t>タイオウ</t>
    </rPh>
    <rPh sb="35" eb="37">
      <t>ホウシン</t>
    </rPh>
    <rPh sb="38" eb="40">
      <t>ナイヨウ</t>
    </rPh>
    <rPh sb="42" eb="43">
      <t>ホカ</t>
    </rPh>
    <rPh sb="43" eb="45">
      <t>ミト</t>
    </rPh>
    <rPh sb="46" eb="47">
      <t>キ</t>
    </rPh>
    <rPh sb="55" eb="57">
      <t>タイセイ</t>
    </rPh>
    <rPh sb="62" eb="64">
      <t>テキギ</t>
    </rPh>
    <rPh sb="64" eb="66">
      <t>ミナオ</t>
    </rPh>
    <rPh sb="68" eb="69">
      <t>オコナ</t>
    </rPh>
    <phoneticPr fontId="2"/>
  </si>
  <si>
    <t>⑤</t>
    <phoneticPr fontId="2"/>
  </si>
  <si>
    <t>宿泊室等において看取りを行う場合に、プライバシーの確保及び家族へ配慮をすることについて十分留意している。</t>
  </si>
  <si>
    <t>備考　要件を満たすことが分かる根拠書類を準備し、指定権者からの求めがあった場合には、</t>
    <phoneticPr fontId="2"/>
  </si>
  <si>
    <t>　　速やかに提出すること。</t>
    <rPh sb="2" eb="3">
      <t>スミ</t>
    </rPh>
    <rPh sb="6" eb="8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0">
    <xf numFmtId="0" fontId="0" fillId="0" borderId="0" xfId="0"/>
    <xf numFmtId="0" fontId="1" fillId="0" borderId="0" xfId="0" applyFont="1" applyFill="1" applyAlignment="1">
      <alignment horizontal="left" vertical="center"/>
    </xf>
    <xf numFmtId="0" fontId="0" fillId="0" borderId="0" xfId="0" applyFont="1" applyFill="1" applyAlignment="1"/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left" vertical="center" wrapText="1"/>
    </xf>
    <xf numFmtId="0" fontId="1" fillId="0" borderId="9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vertical="center"/>
    </xf>
    <xf numFmtId="0" fontId="1" fillId="0" borderId="10" xfId="0" applyFont="1" applyFill="1" applyBorder="1" applyAlignment="1">
      <alignment horizontal="left" vertical="center"/>
    </xf>
    <xf numFmtId="0" fontId="1" fillId="0" borderId="11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B25"/>
  <sheetViews>
    <sheetView tabSelected="1" view="pageBreakPreview" zoomScaleNormal="100" zoomScaleSheetLayoutView="100" workbookViewId="0">
      <selection activeCell="B4" sqref="B4:Y4"/>
    </sheetView>
  </sheetViews>
  <sheetFormatPr defaultColWidth="4" defaultRowHeight="13.5" x14ac:dyDescent="0.15"/>
  <cols>
    <col min="1" max="1" width="1.5" style="1" customWidth="1"/>
    <col min="2" max="2" width="2.375" style="1" customWidth="1"/>
    <col min="3" max="3" width="1.125" style="1" customWidth="1"/>
    <col min="4" max="20" width="4" style="1" customWidth="1"/>
    <col min="21" max="21" width="2.375" style="1" customWidth="1"/>
    <col min="22" max="22" width="4" style="1" customWidth="1"/>
    <col min="23" max="23" width="2.25" style="1" customWidth="1"/>
    <col min="24" max="24" width="4" style="1" customWidth="1"/>
    <col min="25" max="25" width="2.375" style="1" customWidth="1"/>
    <col min="26" max="26" width="1.5" style="1" customWidth="1"/>
    <col min="27" max="16384" width="4" style="1"/>
  </cols>
  <sheetData>
    <row r="2" spans="2:28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</row>
    <row r="4" spans="2:28" x14ac:dyDescent="0.15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</row>
    <row r="6" spans="2:28" ht="23.25" customHeight="1" x14ac:dyDescent="0.15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7"/>
    </row>
    <row r="7" spans="2:28" ht="23.25" customHeight="1" x14ac:dyDescent="0.15">
      <c r="B7" s="4" t="s">
        <v>3</v>
      </c>
      <c r="C7" s="4"/>
      <c r="D7" s="4"/>
      <c r="E7" s="4"/>
      <c r="F7" s="4"/>
      <c r="G7" s="8" t="s">
        <v>4</v>
      </c>
      <c r="H7" s="9" t="s">
        <v>5</v>
      </c>
      <c r="I7" s="9"/>
      <c r="J7" s="9"/>
      <c r="K7" s="9"/>
      <c r="L7" s="8" t="s">
        <v>4</v>
      </c>
      <c r="M7" s="9" t="s">
        <v>6</v>
      </c>
      <c r="N7" s="9"/>
      <c r="O7" s="9"/>
      <c r="P7" s="9"/>
      <c r="Q7" s="8" t="s">
        <v>4</v>
      </c>
      <c r="R7" s="9" t="s">
        <v>7</v>
      </c>
      <c r="S7" s="9"/>
      <c r="T7" s="9"/>
      <c r="U7" s="9"/>
      <c r="V7" s="9"/>
      <c r="W7" s="10"/>
      <c r="X7" s="10"/>
      <c r="Y7" s="11"/>
    </row>
    <row r="10" spans="2:28" x14ac:dyDescent="0.15">
      <c r="B10" s="12"/>
      <c r="C10" s="13"/>
      <c r="D10" s="13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3"/>
      <c r="P10" s="13"/>
      <c r="Q10" s="13"/>
      <c r="R10" s="13"/>
      <c r="S10" s="13"/>
      <c r="T10" s="14"/>
      <c r="U10" s="13"/>
      <c r="V10" s="13"/>
      <c r="W10" s="13"/>
      <c r="X10" s="13"/>
      <c r="Y10" s="14"/>
      <c r="Z10" s="2"/>
      <c r="AA10" s="2"/>
      <c r="AB10" s="2"/>
    </row>
    <row r="11" spans="2:28" x14ac:dyDescent="0.15">
      <c r="B11" s="15" t="s">
        <v>8</v>
      </c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7"/>
      <c r="U11" s="16"/>
      <c r="V11" s="18" t="s">
        <v>9</v>
      </c>
      <c r="W11" s="18" t="s">
        <v>10</v>
      </c>
      <c r="X11" s="18" t="s">
        <v>11</v>
      </c>
      <c r="Y11" s="17"/>
      <c r="Z11" s="2"/>
      <c r="AA11" s="2"/>
      <c r="AB11" s="2"/>
    </row>
    <row r="12" spans="2:28" x14ac:dyDescent="0.15">
      <c r="B12" s="15"/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7"/>
      <c r="U12" s="16"/>
      <c r="V12" s="16"/>
      <c r="W12" s="16"/>
      <c r="X12" s="16"/>
      <c r="Y12" s="17"/>
      <c r="Z12" s="2"/>
      <c r="AA12" s="2"/>
      <c r="AB12" s="2"/>
    </row>
    <row r="13" spans="2:28" ht="17.25" customHeight="1" x14ac:dyDescent="0.15">
      <c r="B13" s="15"/>
      <c r="C13" s="16"/>
      <c r="D13" s="19" t="s">
        <v>12</v>
      </c>
      <c r="E13" s="20" t="s">
        <v>13</v>
      </c>
      <c r="F13" s="20"/>
      <c r="G13" s="20"/>
      <c r="H13" s="20"/>
      <c r="I13" s="20"/>
      <c r="J13" s="20"/>
      <c r="K13" s="20"/>
      <c r="L13" s="20"/>
      <c r="M13" s="20"/>
      <c r="N13" s="20"/>
      <c r="O13" s="20"/>
      <c r="P13" s="20"/>
      <c r="Q13" s="20"/>
      <c r="R13" s="20"/>
      <c r="S13" s="20"/>
      <c r="T13" s="21"/>
      <c r="U13" s="16"/>
      <c r="V13" s="19" t="s">
        <v>4</v>
      </c>
      <c r="W13" s="19" t="s">
        <v>10</v>
      </c>
      <c r="X13" s="19" t="s">
        <v>4</v>
      </c>
      <c r="Y13" s="22"/>
      <c r="Z13" s="16"/>
      <c r="AA13" s="16"/>
      <c r="AB13" s="16"/>
    </row>
    <row r="14" spans="2:28" ht="5.25" customHeight="1" x14ac:dyDescent="0.15">
      <c r="B14" s="15"/>
      <c r="C14" s="16"/>
      <c r="D14" s="19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7"/>
      <c r="U14" s="16"/>
      <c r="V14" s="19"/>
      <c r="W14" s="19"/>
      <c r="X14" s="19"/>
      <c r="Y14" s="23"/>
      <c r="Z14" s="16"/>
      <c r="AA14" s="16"/>
      <c r="AB14" s="16"/>
    </row>
    <row r="15" spans="2:28" ht="17.25" customHeight="1" x14ac:dyDescent="0.15">
      <c r="B15" s="15"/>
      <c r="D15" s="19" t="s">
        <v>14</v>
      </c>
      <c r="E15" s="20" t="s">
        <v>15</v>
      </c>
      <c r="F15" s="20"/>
      <c r="G15" s="20"/>
      <c r="H15" s="20"/>
      <c r="I15" s="20"/>
      <c r="J15" s="20"/>
      <c r="K15" s="20"/>
      <c r="L15" s="20"/>
      <c r="M15" s="20"/>
      <c r="N15" s="20"/>
      <c r="O15" s="20"/>
      <c r="P15" s="20"/>
      <c r="Q15" s="20"/>
      <c r="R15" s="20"/>
      <c r="S15" s="20"/>
      <c r="T15" s="21"/>
      <c r="U15" s="16"/>
      <c r="V15" s="19" t="s">
        <v>4</v>
      </c>
      <c r="W15" s="19" t="s">
        <v>10</v>
      </c>
      <c r="X15" s="19" t="s">
        <v>4</v>
      </c>
      <c r="Y15" s="22"/>
      <c r="Z15" s="16"/>
      <c r="AA15" s="16"/>
      <c r="AB15" s="16"/>
    </row>
    <row r="16" spans="2:28" ht="9" customHeight="1" x14ac:dyDescent="0.15">
      <c r="B16" s="15"/>
      <c r="D16" s="19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7"/>
      <c r="U16" s="16"/>
      <c r="V16" s="19"/>
      <c r="W16" s="19"/>
      <c r="X16" s="19"/>
      <c r="Y16" s="23"/>
      <c r="Z16" s="16"/>
      <c r="AA16" s="16"/>
      <c r="AB16" s="16"/>
    </row>
    <row r="17" spans="2:28" ht="29.25" customHeight="1" x14ac:dyDescent="0.15">
      <c r="B17" s="15"/>
      <c r="D17" s="19" t="s">
        <v>16</v>
      </c>
      <c r="E17" s="24" t="s">
        <v>17</v>
      </c>
      <c r="F17" s="24"/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5"/>
      <c r="U17" s="16"/>
      <c r="V17" s="19" t="s">
        <v>4</v>
      </c>
      <c r="W17" s="19" t="s">
        <v>10</v>
      </c>
      <c r="X17" s="19" t="s">
        <v>4</v>
      </c>
      <c r="Y17" s="22"/>
      <c r="Z17" s="16"/>
      <c r="AA17" s="16"/>
      <c r="AB17" s="16"/>
    </row>
    <row r="18" spans="2:28" ht="6" customHeight="1" x14ac:dyDescent="0.15">
      <c r="B18" s="15"/>
      <c r="D18" s="19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7"/>
      <c r="U18" s="16"/>
      <c r="V18" s="26"/>
      <c r="W18" s="26"/>
      <c r="X18" s="26"/>
      <c r="Y18" s="22"/>
      <c r="Z18" s="16"/>
      <c r="AA18" s="16"/>
      <c r="AB18" s="16"/>
    </row>
    <row r="19" spans="2:28" ht="42.75" customHeight="1" x14ac:dyDescent="0.15">
      <c r="B19" s="15"/>
      <c r="D19" s="19" t="s">
        <v>18</v>
      </c>
      <c r="E19" s="24" t="s">
        <v>19</v>
      </c>
      <c r="F19" s="24"/>
      <c r="G19" s="24"/>
      <c r="H19" s="24"/>
      <c r="I19" s="24"/>
      <c r="J19" s="24"/>
      <c r="K19" s="24"/>
      <c r="L19" s="24"/>
      <c r="M19" s="24"/>
      <c r="N19" s="24"/>
      <c r="O19" s="24"/>
      <c r="P19" s="24"/>
      <c r="Q19" s="24"/>
      <c r="R19" s="24"/>
      <c r="S19" s="24"/>
      <c r="T19" s="25"/>
      <c r="U19" s="16"/>
      <c r="V19" s="19" t="s">
        <v>4</v>
      </c>
      <c r="W19" s="19" t="s">
        <v>10</v>
      </c>
      <c r="X19" s="19" t="s">
        <v>4</v>
      </c>
      <c r="Y19" s="22"/>
      <c r="Z19" s="16"/>
      <c r="AA19" s="16"/>
      <c r="AB19" s="16"/>
    </row>
    <row r="20" spans="2:28" ht="6" customHeight="1" x14ac:dyDescent="0.15">
      <c r="B20" s="15"/>
      <c r="D20" s="19"/>
      <c r="E20" s="16"/>
      <c r="F20" s="16"/>
      <c r="G20" s="16"/>
      <c r="H20" s="16"/>
      <c r="I20" s="16"/>
      <c r="J20" s="16"/>
      <c r="K20" s="16"/>
      <c r="L20" s="16"/>
      <c r="M20" s="16"/>
      <c r="N20" s="16"/>
      <c r="O20" s="16"/>
      <c r="P20" s="16"/>
      <c r="Q20" s="16"/>
      <c r="R20" s="16"/>
      <c r="S20" s="16"/>
      <c r="T20" s="17"/>
      <c r="U20" s="16"/>
      <c r="V20" s="26"/>
      <c r="W20" s="26"/>
      <c r="X20" s="26"/>
      <c r="Y20" s="22"/>
      <c r="Z20" s="16"/>
      <c r="AA20" s="16"/>
      <c r="AB20" s="16"/>
    </row>
    <row r="21" spans="2:28" ht="30" customHeight="1" x14ac:dyDescent="0.15">
      <c r="B21" s="15"/>
      <c r="D21" s="19" t="s">
        <v>20</v>
      </c>
      <c r="E21" s="24" t="s">
        <v>21</v>
      </c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5"/>
      <c r="U21" s="16"/>
      <c r="V21" s="19" t="s">
        <v>4</v>
      </c>
      <c r="W21" s="19" t="s">
        <v>10</v>
      </c>
      <c r="X21" s="19" t="s">
        <v>4</v>
      </c>
      <c r="Y21" s="22"/>
      <c r="Z21" s="16"/>
      <c r="AA21" s="16"/>
      <c r="AB21" s="16"/>
    </row>
    <row r="22" spans="2:28" x14ac:dyDescent="0.15">
      <c r="B22" s="27"/>
      <c r="C22" s="28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  <c r="S22" s="28"/>
      <c r="T22" s="29"/>
      <c r="U22" s="28"/>
      <c r="V22" s="28"/>
      <c r="W22" s="28"/>
      <c r="X22" s="28"/>
      <c r="Y22" s="29"/>
      <c r="Z22" s="16"/>
      <c r="AA22" s="16"/>
      <c r="AB22" s="16"/>
    </row>
    <row r="23" spans="2:28" x14ac:dyDescent="0.15">
      <c r="B23" s="16"/>
      <c r="C23" s="16"/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6"/>
      <c r="Q23" s="16"/>
      <c r="R23" s="16"/>
      <c r="S23" s="16"/>
      <c r="T23" s="16"/>
      <c r="U23" s="16"/>
      <c r="V23" s="16"/>
      <c r="W23" s="16"/>
      <c r="X23" s="16"/>
      <c r="Y23" s="16"/>
      <c r="Z23" s="16"/>
      <c r="AA23" s="16"/>
      <c r="AB23" s="16"/>
    </row>
    <row r="24" spans="2:28" x14ac:dyDescent="0.15">
      <c r="B24" s="16" t="s">
        <v>22</v>
      </c>
      <c r="C24" s="16"/>
      <c r="D24" s="16"/>
      <c r="E24" s="16"/>
      <c r="F24" s="16"/>
      <c r="G24" s="16"/>
      <c r="H24" s="16"/>
      <c r="I24" s="16"/>
      <c r="J24" s="16"/>
      <c r="K24" s="16"/>
      <c r="L24" s="16"/>
      <c r="M24" s="16"/>
      <c r="N24" s="16"/>
      <c r="O24" s="16"/>
      <c r="P24" s="16"/>
      <c r="Q24" s="16"/>
      <c r="R24" s="16"/>
      <c r="S24" s="16"/>
      <c r="T24" s="16"/>
      <c r="U24" s="16"/>
      <c r="V24" s="16"/>
      <c r="W24" s="16"/>
      <c r="X24" s="16"/>
      <c r="Y24" s="16"/>
      <c r="Z24" s="16"/>
      <c r="AA24" s="16"/>
      <c r="AB24" s="16"/>
    </row>
    <row r="25" spans="2:28" x14ac:dyDescent="0.15">
      <c r="B25" s="16" t="s">
        <v>23</v>
      </c>
      <c r="C25" s="16"/>
      <c r="D25" s="16"/>
      <c r="E25" s="16"/>
      <c r="F25" s="16"/>
      <c r="G25" s="16"/>
      <c r="H25" s="16"/>
      <c r="I25" s="16"/>
      <c r="J25" s="16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</row>
  </sheetData>
  <mergeCells count="9">
    <mergeCell ref="E17:T17"/>
    <mergeCell ref="E19:T19"/>
    <mergeCell ref="E21:T21"/>
    <mergeCell ref="B4:Y4"/>
    <mergeCell ref="B6:F6"/>
    <mergeCell ref="G6:Y6"/>
    <mergeCell ref="B7:F7"/>
    <mergeCell ref="E13:T13"/>
    <mergeCell ref="E15:T15"/>
  </mergeCells>
  <phoneticPr fontId="2"/>
  <dataValidations count="1">
    <dataValidation type="list" allowBlank="1" showInputMessage="1" showErrorMessage="1" sqref="V13 X13 V17 X17 V15 X15 V19 X19 V21 X21 L7 G7 Q7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９ー６</vt:lpstr>
      <vt:lpstr>別紙９ー６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2:13:18Z</dcterms:created>
  <dcterms:modified xsi:type="dcterms:W3CDTF">2022-03-29T12:13:41Z</dcterms:modified>
</cp:coreProperties>
</file>